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54353\Desktop\AG_KIUC 1-2\KIUC-AG\"/>
    </mc:Choice>
  </mc:AlternateContent>
  <bookViews>
    <workbookView xWindow="0" yWindow="0" windowWidth="22935" windowHeight="9180"/>
  </bookViews>
  <sheets>
    <sheet name="Sheet1" sheetId="1" r:id="rId1"/>
  </sheets>
  <calcPr calcId="162913" calcMode="manual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47">
  <si>
    <t>Attachment Label</t>
  </si>
  <si>
    <t xml:space="preserve">Attachment Decription </t>
  </si>
  <si>
    <t xml:space="preserve">AG KIUC 1-2 Attachment Index </t>
  </si>
  <si>
    <t xml:space="preserve">Mitchell Project Detailed Cost Estimates </t>
  </si>
  <si>
    <t xml:space="preserve">Exhibit BDS-3 and Exhibit BDS-4 </t>
  </si>
  <si>
    <t xml:space="preserve">Exhibit MAB 1 and Testimony Tables </t>
  </si>
  <si>
    <t xml:space="preserve">Exhibit MAB 2 Capacity Positions </t>
  </si>
  <si>
    <t xml:space="preserve">KPCO Mitchell FOM and OGC Cost Inputs </t>
  </si>
  <si>
    <t>Confidential Base No Carbon KPCo - CASE 2 CCR ONLY 2028 Mitchell Retirement</t>
  </si>
  <si>
    <t>Confidential Base No Carbon KPCo- CASE 1 CCR AND ELG 2040 Mitchell Retirement</t>
  </si>
  <si>
    <t>Confidential Base with Carbon KPCo - Case 1 CCR&amp;ELG 2040 Mitchell Retirement</t>
  </si>
  <si>
    <t>Confidential Base with Carbon KPCo - Case 2 CCR Only 2028 Mitchell Retirement</t>
  </si>
  <si>
    <t>Confidential KPCO Case 1 CLR</t>
  </si>
  <si>
    <t>Confidential KPCO Case 2 CLR</t>
  </si>
  <si>
    <t>Confidential Low No Carbon KPCo - CASE 1 CCR &amp; ELG 2040 Mitchell Retirement</t>
  </si>
  <si>
    <t>Confidential Low No Carbon KPCo - Case 2 CCR Only 2028 Mitchell Retirement</t>
  </si>
  <si>
    <t>Confidential Mitchell Capital forecast workpaper</t>
  </si>
  <si>
    <t xml:space="preserve">Whitney Testimony Table </t>
  </si>
  <si>
    <t>FF Base NoC</t>
  </si>
  <si>
    <t>FF Base withC</t>
  </si>
  <si>
    <t>FF High</t>
  </si>
  <si>
    <t>FF Low</t>
  </si>
  <si>
    <t>Witness</t>
  </si>
  <si>
    <t>Connie Trecazzi</t>
  </si>
  <si>
    <t>Heather Whitney</t>
  </si>
  <si>
    <t>Mark Becker</t>
  </si>
  <si>
    <t xml:space="preserve">Brian Sherrick </t>
  </si>
  <si>
    <t>KPCO_R_KIUC AG_1_2_Attachment1</t>
  </si>
  <si>
    <t>KPCO_R_KIUC AG_1_2_Attachment2</t>
  </si>
  <si>
    <t>KPCO_R_KIUC AG_1_2_Confidential Attachment3</t>
  </si>
  <si>
    <t>KPCO_R_KIUC AG_1_2_Attachment4</t>
  </si>
  <si>
    <t>KPCO_R_KIUC AG_1_2_Attachment5</t>
  </si>
  <si>
    <t>KPCO_R_KIUC AG_1_2_Attachment6</t>
  </si>
  <si>
    <t>KPCO_R_KIUC AG_1_2_ConfidentialAttachment7</t>
  </si>
  <si>
    <t>KPCO_R_KIUC AG_1_2_ConfidentialAttachment8</t>
  </si>
  <si>
    <t>KPCO_R_KIUC AG_1_2_ConfidentialAttachment9</t>
  </si>
  <si>
    <t>KPCO_R_KIUC AG_1_2_ConfidentialAttachment10</t>
  </si>
  <si>
    <t>KPCO_R_KIUC AG_1_2_ConfidentialAttachment11</t>
  </si>
  <si>
    <t>KPCO_R_KIUC AG_1_2_ConfidentialAttachment12</t>
  </si>
  <si>
    <t>KPCO_R_KIUC AG_1_2_ConfidentialAttachment13</t>
  </si>
  <si>
    <t>KPCO_R_KIUC AG_1_2_ConfidentialAttachment14</t>
  </si>
  <si>
    <t>KPCO_R_KIUC AG_1_2_ConfidentialAttachment15</t>
  </si>
  <si>
    <t>KPCO_R_KIUC AG_1_2_Attachment16</t>
  </si>
  <si>
    <t>KPCO_R_KIUC AG_1_2_Attachment17</t>
  </si>
  <si>
    <t>KPCO_R_KIUC AG_1_2_Attachment18</t>
  </si>
  <si>
    <t>KPCO_R_KIUC AG_1_2_Attachment19</t>
  </si>
  <si>
    <t>KPCO_R_KIUC AG_1_2_Attachment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0" fontId="0" fillId="2" borderId="0" xfId="0" applyFill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21"/>
  <sheetViews>
    <sheetView tabSelected="1" workbookViewId="0"/>
  </sheetViews>
  <sheetFormatPr defaultRowHeight="15" x14ac:dyDescent="0.25"/>
  <cols>
    <col min="2" max="2" width="54.7109375" customWidth="1"/>
    <col min="3" max="3" width="72.5703125" bestFit="1" customWidth="1"/>
    <col min="4" max="4" width="27.140625" customWidth="1"/>
  </cols>
  <sheetData>
    <row r="1" spans="2:4" x14ac:dyDescent="0.25">
      <c r="B1" s="1" t="s">
        <v>0</v>
      </c>
      <c r="C1" s="1" t="s">
        <v>1</v>
      </c>
      <c r="D1" s="1" t="s">
        <v>22</v>
      </c>
    </row>
    <row r="2" spans="2:4" x14ac:dyDescent="0.25">
      <c r="B2" t="s">
        <v>27</v>
      </c>
      <c r="C2" t="s">
        <v>2</v>
      </c>
    </row>
    <row r="3" spans="2:4" x14ac:dyDescent="0.25">
      <c r="B3" t="s">
        <v>28</v>
      </c>
      <c r="C3" t="s">
        <v>4</v>
      </c>
      <c r="D3" t="s">
        <v>26</v>
      </c>
    </row>
    <row r="4" spans="2:4" x14ac:dyDescent="0.25">
      <c r="B4" t="s">
        <v>29</v>
      </c>
      <c r="C4" t="s">
        <v>3</v>
      </c>
      <c r="D4" t="s">
        <v>26</v>
      </c>
    </row>
    <row r="5" spans="2:4" x14ac:dyDescent="0.25">
      <c r="B5" t="s">
        <v>30</v>
      </c>
      <c r="C5" t="s">
        <v>5</v>
      </c>
      <c r="D5" t="s">
        <v>25</v>
      </c>
    </row>
    <row r="6" spans="2:4" x14ac:dyDescent="0.25">
      <c r="B6" t="s">
        <v>31</v>
      </c>
      <c r="C6" t="s">
        <v>6</v>
      </c>
      <c r="D6" t="s">
        <v>25</v>
      </c>
    </row>
    <row r="7" spans="2:4" x14ac:dyDescent="0.25">
      <c r="B7" t="s">
        <v>32</v>
      </c>
      <c r="C7" t="s">
        <v>7</v>
      </c>
      <c r="D7" t="s">
        <v>25</v>
      </c>
    </row>
    <row r="8" spans="2:4" x14ac:dyDescent="0.25">
      <c r="B8" t="s">
        <v>33</v>
      </c>
      <c r="C8" t="s">
        <v>8</v>
      </c>
      <c r="D8" t="s">
        <v>25</v>
      </c>
    </row>
    <row r="9" spans="2:4" x14ac:dyDescent="0.25">
      <c r="B9" t="s">
        <v>34</v>
      </c>
      <c r="C9" t="s">
        <v>9</v>
      </c>
      <c r="D9" t="s">
        <v>25</v>
      </c>
    </row>
    <row r="10" spans="2:4" x14ac:dyDescent="0.25">
      <c r="B10" t="s">
        <v>35</v>
      </c>
      <c r="C10" t="s">
        <v>10</v>
      </c>
      <c r="D10" t="s">
        <v>25</v>
      </c>
    </row>
    <row r="11" spans="2:4" x14ac:dyDescent="0.25">
      <c r="B11" t="s">
        <v>36</v>
      </c>
      <c r="C11" t="s">
        <v>11</v>
      </c>
      <c r="D11" t="s">
        <v>25</v>
      </c>
    </row>
    <row r="12" spans="2:4" x14ac:dyDescent="0.25">
      <c r="B12" t="s">
        <v>37</v>
      </c>
      <c r="C12" t="s">
        <v>12</v>
      </c>
      <c r="D12" t="s">
        <v>25</v>
      </c>
    </row>
    <row r="13" spans="2:4" x14ac:dyDescent="0.25">
      <c r="B13" t="s">
        <v>38</v>
      </c>
      <c r="C13" t="s">
        <v>13</v>
      </c>
      <c r="D13" t="s">
        <v>25</v>
      </c>
    </row>
    <row r="14" spans="2:4" x14ac:dyDescent="0.25">
      <c r="B14" t="s">
        <v>39</v>
      </c>
      <c r="C14" t="s">
        <v>14</v>
      </c>
      <c r="D14" t="s">
        <v>25</v>
      </c>
    </row>
    <row r="15" spans="2:4" x14ac:dyDescent="0.25">
      <c r="B15" t="s">
        <v>40</v>
      </c>
      <c r="C15" t="s">
        <v>15</v>
      </c>
      <c r="D15" t="s">
        <v>25</v>
      </c>
    </row>
    <row r="16" spans="2:4" x14ac:dyDescent="0.25">
      <c r="B16" t="s">
        <v>41</v>
      </c>
      <c r="C16" t="s">
        <v>16</v>
      </c>
      <c r="D16" t="s">
        <v>25</v>
      </c>
    </row>
    <row r="17" spans="2:4" x14ac:dyDescent="0.25">
      <c r="B17" t="s">
        <v>42</v>
      </c>
      <c r="C17" t="s">
        <v>17</v>
      </c>
      <c r="D17" t="s">
        <v>24</v>
      </c>
    </row>
    <row r="18" spans="2:4" x14ac:dyDescent="0.25">
      <c r="B18" t="s">
        <v>43</v>
      </c>
      <c r="C18" t="s">
        <v>18</v>
      </c>
      <c r="D18" t="s">
        <v>23</v>
      </c>
    </row>
    <row r="19" spans="2:4" x14ac:dyDescent="0.25">
      <c r="B19" t="s">
        <v>44</v>
      </c>
      <c r="C19" t="s">
        <v>19</v>
      </c>
      <c r="D19" t="s">
        <v>23</v>
      </c>
    </row>
    <row r="20" spans="2:4" x14ac:dyDescent="0.25">
      <c r="B20" t="s">
        <v>45</v>
      </c>
      <c r="C20" t="s">
        <v>21</v>
      </c>
      <c r="D20" t="s">
        <v>23</v>
      </c>
    </row>
    <row r="21" spans="2:4" x14ac:dyDescent="0.25">
      <c r="B21" t="s">
        <v>46</v>
      </c>
      <c r="C21" t="s">
        <v>20</v>
      </c>
      <c r="D21" t="s">
        <v>23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3E2BDECB756CA4D9BCDF6A872126CDA" ma:contentTypeVersion="0" ma:contentTypeDescription="Create a new document." ma:contentTypeScope="" ma:versionID="0b4e9073c090802ff62d1ee4b5f6421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A5AD8C98-D53A-4A64-8F18-8754071B3C3A}"/>
</file>

<file path=customXml/itemProps2.xml><?xml version="1.0" encoding="utf-8"?>
<ds:datastoreItem xmlns:ds="http://schemas.openxmlformats.org/officeDocument/2006/customXml" ds:itemID="{E5CBEC92-8DD0-4769-8A30-3063EEF2E65C}"/>
</file>

<file path=customXml/itemProps3.xml><?xml version="1.0" encoding="utf-8"?>
<ds:datastoreItem xmlns:ds="http://schemas.openxmlformats.org/officeDocument/2006/customXml" ds:itemID="{808B4AC3-D592-4B80-BBBC-AFFDFBAFF6E1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54353</dc:creator>
  <cp:lastModifiedBy>s254353</cp:lastModifiedBy>
  <dcterms:created xsi:type="dcterms:W3CDTF">2021-03-22T15:08:09Z</dcterms:created>
  <dcterms:modified xsi:type="dcterms:W3CDTF">2021-03-24T13:36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3E2BDECB756CA4D9BCDF6A872126CDA</vt:lpwstr>
  </property>
</Properties>
</file>